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ss/"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BD3B9975-AAF6-CD4A-7C49-6EE67A9F478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14291" y="5257800"/>
            <a:ext cx="2247273" cy="141128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3F47D9EA-A4E8-C76B-24FC-EF2941A862F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7480" y="4634144"/>
            <a:ext cx="1247120" cy="78319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8-16T08:25:15Z</dcterms:modified>
</cp:coreProperties>
</file>